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12月末" sheetId="1" r:id="rId1"/>
  </sheets>
  <definedNames>
    <definedName name="_xlnm.Print_Area" localSheetId="0">令和５年12月末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12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1" eb="22">
      <t>ガツ</t>
    </rPh>
    <rPh sb="22" eb="23">
      <t>マツ</t>
    </rPh>
    <rPh sb="23" eb="25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O19" sqref="O19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3"/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</row>
    <row r="2" spans="1:16" s="3" customFormat="1" ht="24" customHeight="1" x14ac:dyDescent="0.15">
      <c r="A2" s="34" t="s">
        <v>3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5" t="s">
        <v>1</v>
      </c>
      <c r="B4" s="36"/>
      <c r="C4" s="36"/>
      <c r="D4" s="36"/>
      <c r="E4" s="36"/>
      <c r="F4" s="36"/>
      <c r="G4" s="37"/>
      <c r="H4" s="41" t="s">
        <v>2</v>
      </c>
      <c r="I4" s="42"/>
      <c r="J4" s="42"/>
      <c r="K4" s="43"/>
      <c r="L4" s="41" t="s">
        <v>3</v>
      </c>
      <c r="M4" s="42"/>
      <c r="N4" s="42"/>
      <c r="O4" s="43"/>
    </row>
    <row r="5" spans="1:16" ht="21.75" customHeight="1" x14ac:dyDescent="0.15">
      <c r="A5" s="38"/>
      <c r="B5" s="39"/>
      <c r="C5" s="39"/>
      <c r="D5" s="39"/>
      <c r="E5" s="39"/>
      <c r="F5" s="39"/>
      <c r="G5" s="40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4" t="s">
        <v>8</v>
      </c>
      <c r="C6" s="44"/>
      <c r="D6" s="44"/>
      <c r="E6" s="44"/>
      <c r="F6" s="44"/>
      <c r="G6" s="10"/>
      <c r="H6" s="11">
        <v>330445</v>
      </c>
      <c r="I6" s="11">
        <v>7444</v>
      </c>
      <c r="J6" s="11">
        <v>337889</v>
      </c>
      <c r="K6" s="12">
        <v>102</v>
      </c>
      <c r="L6" s="11">
        <v>211706</v>
      </c>
      <c r="M6" s="11">
        <v>2144</v>
      </c>
      <c r="N6" s="11">
        <v>213850</v>
      </c>
      <c r="O6" s="12">
        <v>101.6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3526</v>
      </c>
      <c r="I7" s="11">
        <v>7444</v>
      </c>
      <c r="J7" s="11">
        <v>330970</v>
      </c>
      <c r="K7" s="12">
        <v>101.9</v>
      </c>
      <c r="L7" s="11">
        <v>204785</v>
      </c>
      <c r="M7" s="11">
        <v>2144</v>
      </c>
      <c r="N7" s="11">
        <v>206930</v>
      </c>
      <c r="O7" s="12">
        <v>101.5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6457</v>
      </c>
      <c r="I8" s="11"/>
      <c r="J8" s="11">
        <v>6457</v>
      </c>
      <c r="K8" s="12">
        <v>105.4</v>
      </c>
      <c r="L8" s="11">
        <v>6458</v>
      </c>
      <c r="M8" s="11"/>
      <c r="N8" s="11">
        <v>6458</v>
      </c>
      <c r="O8" s="12">
        <v>105.4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462</v>
      </c>
      <c r="I9" s="11"/>
      <c r="J9" s="11">
        <v>462</v>
      </c>
      <c r="K9" s="12">
        <v>137</v>
      </c>
      <c r="L9" s="11">
        <v>462</v>
      </c>
      <c r="M9" s="11"/>
      <c r="N9" s="11">
        <v>462</v>
      </c>
      <c r="O9" s="12">
        <v>137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23101</v>
      </c>
      <c r="I10" s="11">
        <v>163</v>
      </c>
      <c r="J10" s="11">
        <v>23264</v>
      </c>
      <c r="K10" s="12">
        <v>101.8</v>
      </c>
      <c r="L10" s="11">
        <v>22854</v>
      </c>
      <c r="M10" s="11">
        <v>45</v>
      </c>
      <c r="N10" s="11">
        <v>22899</v>
      </c>
      <c r="O10" s="12">
        <v>101.6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713</v>
      </c>
      <c r="I11" s="11"/>
      <c r="J11" s="11">
        <v>713</v>
      </c>
      <c r="K11" s="12">
        <v>94.5</v>
      </c>
      <c r="L11" s="11">
        <v>713</v>
      </c>
      <c r="M11" s="11"/>
      <c r="N11" s="11">
        <v>713</v>
      </c>
      <c r="O11" s="12">
        <v>94.4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0288</v>
      </c>
      <c r="I12" s="11">
        <v>491</v>
      </c>
      <c r="J12" s="11">
        <v>20780</v>
      </c>
      <c r="K12" s="12">
        <v>86.5</v>
      </c>
      <c r="L12" s="11">
        <v>19530</v>
      </c>
      <c r="M12" s="11">
        <v>147</v>
      </c>
      <c r="N12" s="11">
        <v>19678</v>
      </c>
      <c r="O12" s="12">
        <v>86.8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290871</v>
      </c>
      <c r="I13" s="11">
        <v>1119</v>
      </c>
      <c r="J13" s="11">
        <v>291990</v>
      </c>
      <c r="K13" s="12">
        <v>105.6</v>
      </c>
      <c r="L13" s="11">
        <v>289124</v>
      </c>
      <c r="M13" s="11">
        <v>250</v>
      </c>
      <c r="N13" s="11">
        <v>289375</v>
      </c>
      <c r="O13" s="12">
        <v>105.3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246203</v>
      </c>
      <c r="I14" s="11"/>
      <c r="J14" s="11">
        <v>246203</v>
      </c>
      <c r="K14" s="12">
        <v>94.6</v>
      </c>
      <c r="L14" s="11">
        <v>246203</v>
      </c>
      <c r="M14" s="11"/>
      <c r="N14" s="11">
        <v>246203</v>
      </c>
      <c r="O14" s="12">
        <v>94.6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24474</v>
      </c>
      <c r="I15" s="11">
        <v>738</v>
      </c>
      <c r="J15" s="11">
        <v>25212</v>
      </c>
      <c r="K15" s="12">
        <v>109</v>
      </c>
      <c r="L15" s="11">
        <v>22338</v>
      </c>
      <c r="M15" s="11">
        <v>135</v>
      </c>
      <c r="N15" s="11">
        <v>22473</v>
      </c>
      <c r="O15" s="12">
        <v>109.4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7463</v>
      </c>
      <c r="I16" s="11"/>
      <c r="J16" s="11">
        <v>7463</v>
      </c>
      <c r="K16" s="12">
        <v>100.3</v>
      </c>
      <c r="L16" s="11">
        <v>6667</v>
      </c>
      <c r="M16" s="11"/>
      <c r="N16" s="11">
        <v>6667</v>
      </c>
      <c r="O16" s="12">
        <v>100.6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246</v>
      </c>
      <c r="I17" s="11"/>
      <c r="J17" s="11">
        <v>1246</v>
      </c>
      <c r="K17" s="12">
        <v>99.6</v>
      </c>
      <c r="L17" s="11">
        <v>1246</v>
      </c>
      <c r="M17" s="11"/>
      <c r="N17" s="11">
        <v>1246</v>
      </c>
      <c r="O17" s="12">
        <v>99.6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29839</v>
      </c>
      <c r="I18" s="11">
        <v>1538</v>
      </c>
      <c r="J18" s="11">
        <v>31377</v>
      </c>
      <c r="K18" s="12">
        <v>100.9</v>
      </c>
      <c r="L18" s="11">
        <v>23421</v>
      </c>
      <c r="M18" s="11">
        <v>1538</v>
      </c>
      <c r="N18" s="11">
        <v>24960</v>
      </c>
      <c r="O18" s="12">
        <v>99.9</v>
      </c>
      <c r="P18" s="13"/>
    </row>
    <row r="19" spans="1:16" s="14" customFormat="1" ht="21.75" customHeight="1" x14ac:dyDescent="0.15">
      <c r="A19" s="15"/>
      <c r="B19" s="31" t="s">
        <v>21</v>
      </c>
      <c r="C19" s="31"/>
      <c r="D19" s="18"/>
      <c r="E19" s="19"/>
      <c r="F19" s="20" t="s">
        <v>22</v>
      </c>
      <c r="G19" s="10"/>
      <c r="H19" s="11">
        <v>6729</v>
      </c>
      <c r="I19" s="11">
        <v>0</v>
      </c>
      <c r="J19" s="11">
        <v>6729</v>
      </c>
      <c r="K19" s="21">
        <v>107.6</v>
      </c>
      <c r="L19" s="11">
        <v>6691</v>
      </c>
      <c r="M19" s="11">
        <v>0</v>
      </c>
      <c r="N19" s="11">
        <v>6691</v>
      </c>
      <c r="O19" s="21">
        <v>108.2</v>
      </c>
      <c r="P19" s="13"/>
    </row>
    <row r="20" spans="1:16" s="14" customFormat="1" ht="21.75" customHeight="1" x14ac:dyDescent="0.15">
      <c r="A20" s="17"/>
      <c r="B20" s="32"/>
      <c r="C20" s="32"/>
      <c r="D20" s="22"/>
      <c r="E20" s="23"/>
      <c r="F20" s="24" t="s">
        <v>23</v>
      </c>
      <c r="G20" s="10"/>
      <c r="H20" s="11">
        <v>88726</v>
      </c>
      <c r="I20" s="11">
        <v>437</v>
      </c>
      <c r="J20" s="11">
        <v>89163</v>
      </c>
      <c r="K20" s="12">
        <v>99.1</v>
      </c>
      <c r="L20" s="11">
        <v>88137</v>
      </c>
      <c r="M20" s="11">
        <v>150</v>
      </c>
      <c r="N20" s="11">
        <v>88287</v>
      </c>
      <c r="O20" s="12">
        <v>99.1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4</v>
      </c>
      <c r="I21" s="11"/>
      <c r="J21" s="11">
        <v>14</v>
      </c>
      <c r="K21" s="29">
        <v>96.5</v>
      </c>
      <c r="L21" s="11">
        <v>14</v>
      </c>
      <c r="M21" s="11"/>
      <c r="N21" s="11">
        <v>14</v>
      </c>
      <c r="O21" s="29">
        <v>96.4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6</v>
      </c>
      <c r="N22" s="26">
        <v>16</v>
      </c>
      <c r="O22" s="25">
        <v>65.400000000000006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070116</v>
      </c>
      <c r="I24" s="11">
        <v>12082</v>
      </c>
      <c r="J24" s="11">
        <v>1082199</v>
      </c>
      <c r="K24" s="12">
        <v>100.7</v>
      </c>
      <c r="L24" s="11">
        <v>938649</v>
      </c>
      <c r="M24" s="11">
        <v>4429</v>
      </c>
      <c r="N24" s="11">
        <v>943078</v>
      </c>
      <c r="O24" s="12">
        <v>100.3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12月末</vt:lpstr>
      <vt:lpstr>令和５年12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18T06:52:04Z</cp:lastPrinted>
  <dcterms:created xsi:type="dcterms:W3CDTF">2021-03-24T00:17:43Z</dcterms:created>
  <dcterms:modified xsi:type="dcterms:W3CDTF">2024-01-16T09:37:06Z</dcterms:modified>
</cp:coreProperties>
</file>